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3. Lenka\2021_137. Nádoby ma klinický odpad\02. Príprava\04. PTK\02. Odoslaná\"/>
    </mc:Choice>
  </mc:AlternateContent>
  <bookViews>
    <workbookView xWindow="0" yWindow="0" windowWidth="28800" windowHeight="11700"/>
  </bookViews>
  <sheets>
    <sheet name="Príloha č. 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8" i="1" l="1"/>
  <c r="O9" i="1"/>
  <c r="O10" i="1"/>
  <c r="O11" i="1"/>
  <c r="O7" i="1"/>
  <c r="M8" i="1"/>
  <c r="N8" i="1" s="1"/>
  <c r="P8" i="1" s="1"/>
  <c r="M9" i="1"/>
  <c r="N9" i="1" s="1"/>
  <c r="P9" i="1" s="1"/>
  <c r="M10" i="1"/>
  <c r="N10" i="1" s="1"/>
  <c r="P10" i="1" s="1"/>
  <c r="M11" i="1"/>
  <c r="N11" i="1" s="1"/>
  <c r="P11" i="1" s="1"/>
  <c r="M7" i="1"/>
  <c r="N7" i="1" s="1"/>
  <c r="P7" i="1" s="1"/>
  <c r="P12" i="1" l="1"/>
  <c r="O12" i="1"/>
</calcChain>
</file>

<file path=xl/sharedStrings.xml><?xml version="1.0" encoding="utf-8"?>
<sst xmlns="http://schemas.openxmlformats.org/spreadsheetml/2006/main" count="41" uniqueCount="37">
  <si>
    <t>pečiatka:</t>
  </si>
  <si>
    <t>pracovná pozícia:</t>
  </si>
  <si>
    <t>meno:</t>
  </si>
  <si>
    <t>podpis:</t>
  </si>
  <si>
    <t>Dňa:</t>
  </si>
  <si>
    <t>V:</t>
  </si>
  <si>
    <t>Sídlo:</t>
  </si>
  <si>
    <t>Dodávateľ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Kód ŠUKL</t>
  </si>
  <si>
    <t>Katalógové číslo</t>
  </si>
  <si>
    <t>Názov výrobcu ponúkaného tovaru</t>
  </si>
  <si>
    <t>Obchodný názov ponúkaného tovaru</t>
  </si>
  <si>
    <t xml:space="preserve">Požadovaný 
počet MJ </t>
  </si>
  <si>
    <t>Merná jednotka
(MJ)</t>
  </si>
  <si>
    <t>Názov položky predmetu zákazky</t>
  </si>
  <si>
    <t>Por. č.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doby na klinický odpad</t>
  </si>
  <si>
    <t>2</t>
  </si>
  <si>
    <t>3</t>
  </si>
  <si>
    <t>4</t>
  </si>
  <si>
    <t>5</t>
  </si>
  <si>
    <t>Nádoba na klinický odpad typ č.1</t>
  </si>
  <si>
    <t>Nádoba na klinický odpad typ č.2</t>
  </si>
  <si>
    <t>Nádoba na klinický odpad typ č.3</t>
  </si>
  <si>
    <t>Nádoba na klinický odpad typ č.4</t>
  </si>
  <si>
    <t>Nádoba na klinický odpad typ č.5</t>
  </si>
  <si>
    <t>SPOLU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3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70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4" fontId="2" fillId="0" borderId="0" xfId="0" applyNumberFormat="1" applyFont="1" applyAlignment="1">
      <alignment horizontal="right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5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0" borderId="15" xfId="0" applyFont="1" applyBorder="1" applyAlignment="1">
      <alignment horizontal="center" vertical="top" wrapText="1"/>
    </xf>
    <xf numFmtId="0" fontId="4" fillId="2" borderId="13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4" xfId="0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5" fillId="0" borderId="1" xfId="0" applyFont="1" applyBorder="1" applyAlignment="1">
      <alignment horizontal="center"/>
    </xf>
    <xf numFmtId="0" fontId="2" fillId="0" borderId="18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3" fontId="6" fillId="0" borderId="6" xfId="0" applyNumberFormat="1" applyFont="1" applyFill="1" applyBorder="1" applyAlignment="1">
      <alignment horizontal="center" vertical="center" wrapText="1"/>
    </xf>
    <xf numFmtId="3" fontId="6" fillId="0" borderId="4" xfId="0" applyNumberFormat="1" applyFont="1" applyFill="1" applyBorder="1" applyAlignment="1">
      <alignment horizontal="center"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4" fillId="2" borderId="11" xfId="0" applyFont="1" applyFill="1" applyBorder="1" applyAlignment="1">
      <alignment horizontal="left" vertical="top" wrapText="1"/>
    </xf>
    <xf numFmtId="0" fontId="4" fillId="2" borderId="10" xfId="0" applyFont="1" applyFill="1" applyBorder="1" applyAlignment="1">
      <alignment horizontal="left" vertical="top" wrapText="1"/>
    </xf>
    <xf numFmtId="0" fontId="6" fillId="0" borderId="16" xfId="0" applyFont="1" applyBorder="1" applyAlignment="1">
      <alignment horizontal="left" vertical="center" wrapText="1"/>
    </xf>
    <xf numFmtId="0" fontId="6" fillId="0" borderId="17" xfId="0" applyFont="1" applyBorder="1" applyAlignment="1">
      <alignment horizontal="left" vertical="center" wrapText="1"/>
    </xf>
    <xf numFmtId="0" fontId="6" fillId="0" borderId="19" xfId="0" applyFont="1" applyBorder="1" applyAlignment="1">
      <alignment horizontal="left" vertical="center" wrapText="1"/>
    </xf>
    <xf numFmtId="0" fontId="6" fillId="0" borderId="20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0" fontId="6" fillId="0" borderId="22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2" fillId="0" borderId="25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0" fontId="4" fillId="2" borderId="30" xfId="0" applyFont="1" applyFill="1" applyBorder="1" applyAlignment="1">
      <alignment horizontal="center" vertical="top" wrapText="1"/>
    </xf>
    <xf numFmtId="0" fontId="4" fillId="2" borderId="31" xfId="0" applyFont="1" applyFill="1" applyBorder="1" applyAlignment="1">
      <alignment horizontal="center" vertical="top" wrapText="1"/>
    </xf>
    <xf numFmtId="9" fontId="4" fillId="2" borderId="31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32" xfId="0" applyNumberFormat="1" applyFont="1" applyFill="1" applyBorder="1" applyAlignment="1">
      <alignment horizontal="center" vertical="top" wrapText="1"/>
    </xf>
    <xf numFmtId="165" fontId="2" fillId="0" borderId="35" xfId="0" applyNumberFormat="1" applyFont="1" applyBorder="1" applyAlignment="1">
      <alignment horizontal="right" vertical="center" wrapText="1"/>
    </xf>
    <xf numFmtId="164" fontId="2" fillId="0" borderId="34" xfId="0" applyNumberFormat="1" applyFont="1" applyBorder="1" applyAlignment="1">
      <alignment horizontal="right" wrapText="1"/>
    </xf>
    <xf numFmtId="164" fontId="7" fillId="0" borderId="36" xfId="0" applyNumberFormat="1" applyFont="1" applyBorder="1" applyAlignment="1">
      <alignment horizontal="right" vertical="center" wrapText="1"/>
    </xf>
    <xf numFmtId="164" fontId="7" fillId="4" borderId="23" xfId="0" applyNumberFormat="1" applyFont="1" applyFill="1" applyBorder="1" applyAlignment="1">
      <alignment vertical="center" wrapText="1"/>
    </xf>
    <xf numFmtId="164" fontId="7" fillId="4" borderId="24" xfId="0" applyNumberFormat="1" applyFont="1" applyFill="1" applyBorder="1" applyAlignment="1">
      <alignment vertical="center" wrapText="1"/>
    </xf>
  </cellXfs>
  <cellStyles count="2">
    <cellStyle name="Normálna" xfId="0" builtinId="0"/>
    <cellStyle name="Normálne 4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30"/>
  <sheetViews>
    <sheetView showGridLines="0" tabSelected="1" zoomScaleNormal="100" workbookViewId="0">
      <selection sqref="A1:P1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85546875" style="1" customWidth="1"/>
    <col min="4" max="4" width="9.7109375" style="6" customWidth="1"/>
    <col min="5" max="5" width="12" style="6" customWidth="1"/>
    <col min="6" max="6" width="2" style="6" customWidth="1"/>
    <col min="7" max="7" width="20.7109375" style="6" customWidth="1"/>
    <col min="8" max="8" width="15.7109375" style="6" customWidth="1"/>
    <col min="9" max="9" width="12.28515625" style="6" customWidth="1"/>
    <col min="10" max="10" width="10.7109375" style="6" customWidth="1"/>
    <col min="11" max="11" width="15.7109375" style="3" customWidth="1"/>
    <col min="12" max="12" width="8.7109375" style="5" customWidth="1"/>
    <col min="13" max="13" width="12.42578125" style="4" customWidth="1"/>
    <col min="14" max="14" width="15.7109375" style="2" customWidth="1"/>
    <col min="15" max="15" width="15.7109375" style="3" customWidth="1"/>
    <col min="16" max="16" width="15.7109375" style="2" customWidth="1"/>
    <col min="17" max="16384" width="9.140625" style="1"/>
  </cols>
  <sheetData>
    <row r="1" spans="1:16" s="9" customFormat="1" ht="20.100000000000001" customHeight="1" x14ac:dyDescent="0.25">
      <c r="A1" s="48" t="s">
        <v>25</v>
      </c>
      <c r="B1" s="48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</row>
    <row r="2" spans="1:16" s="9" customFormat="1" x14ac:dyDescent="0.25">
      <c r="A2" s="27"/>
      <c r="B2" s="27"/>
      <c r="D2" s="26"/>
      <c r="E2" s="26"/>
      <c r="F2" s="26"/>
      <c r="G2" s="26"/>
      <c r="H2" s="26"/>
      <c r="I2" s="26"/>
      <c r="J2" s="26"/>
      <c r="K2" s="23"/>
      <c r="L2" s="25"/>
      <c r="M2" s="24"/>
      <c r="N2" s="3"/>
      <c r="O2" s="23"/>
      <c r="P2" s="3"/>
    </row>
    <row r="3" spans="1:16" s="9" customFormat="1" ht="20.100000000000001" customHeight="1" x14ac:dyDescent="0.2">
      <c r="A3" s="30" t="s">
        <v>24</v>
      </c>
      <c r="B3" s="30"/>
      <c r="D3" s="26"/>
      <c r="E3" s="26"/>
      <c r="F3" s="26"/>
      <c r="G3" s="26"/>
      <c r="H3" s="26"/>
      <c r="I3" s="26"/>
      <c r="J3" s="26"/>
      <c r="K3" s="23"/>
      <c r="L3" s="25"/>
      <c r="M3" s="24"/>
      <c r="N3" s="3"/>
      <c r="O3" s="23"/>
      <c r="P3" s="3"/>
    </row>
    <row r="4" spans="1:16" s="9" customFormat="1" ht="24.95" customHeight="1" x14ac:dyDescent="0.25">
      <c r="A4" s="29" t="s">
        <v>26</v>
      </c>
      <c r="B4" s="28"/>
      <c r="D4" s="26"/>
      <c r="E4" s="26"/>
      <c r="F4" s="26"/>
      <c r="G4" s="26"/>
      <c r="H4" s="26"/>
      <c r="I4" s="26"/>
      <c r="J4" s="26"/>
      <c r="K4" s="23"/>
      <c r="L4" s="25"/>
      <c r="M4" s="24"/>
      <c r="N4" s="3"/>
      <c r="O4" s="23"/>
      <c r="P4" s="3"/>
    </row>
    <row r="5" spans="1:16" s="9" customFormat="1" ht="13.5" thickBot="1" x14ac:dyDescent="0.3">
      <c r="A5" s="27"/>
      <c r="B5" s="27"/>
      <c r="D5" s="26"/>
      <c r="E5" s="26"/>
      <c r="F5" s="26"/>
      <c r="G5" s="26"/>
      <c r="H5" s="26"/>
      <c r="I5" s="26"/>
      <c r="J5" s="26"/>
      <c r="K5" s="23"/>
      <c r="L5" s="25"/>
      <c r="M5" s="24"/>
      <c r="N5" s="3"/>
      <c r="O5" s="23"/>
      <c r="P5" s="3"/>
    </row>
    <row r="6" spans="1:16" s="18" customFormat="1" ht="48.75" thickBot="1" x14ac:dyDescent="0.3">
      <c r="A6" s="22" t="s">
        <v>23</v>
      </c>
      <c r="B6" s="39" t="s">
        <v>22</v>
      </c>
      <c r="C6" s="40"/>
      <c r="D6" s="21" t="s">
        <v>21</v>
      </c>
      <c r="E6" s="20" t="s">
        <v>20</v>
      </c>
      <c r="F6" s="19"/>
      <c r="G6" s="59" t="s">
        <v>19</v>
      </c>
      <c r="H6" s="60" t="s">
        <v>18</v>
      </c>
      <c r="I6" s="60" t="s">
        <v>17</v>
      </c>
      <c r="J6" s="61" t="s">
        <v>16</v>
      </c>
      <c r="K6" s="62" t="s">
        <v>15</v>
      </c>
      <c r="L6" s="61" t="s">
        <v>14</v>
      </c>
      <c r="M6" s="62" t="s">
        <v>13</v>
      </c>
      <c r="N6" s="62" t="s">
        <v>12</v>
      </c>
      <c r="O6" s="63" t="s">
        <v>11</v>
      </c>
      <c r="P6" s="64" t="s">
        <v>10</v>
      </c>
    </row>
    <row r="7" spans="1:16" s="9" customFormat="1" ht="30" customHeight="1" x14ac:dyDescent="0.25">
      <c r="A7" s="15" t="s">
        <v>9</v>
      </c>
      <c r="B7" s="41" t="s">
        <v>31</v>
      </c>
      <c r="C7" s="42"/>
      <c r="D7" s="32" t="s">
        <v>8</v>
      </c>
      <c r="E7" s="35">
        <v>737</v>
      </c>
      <c r="F7" s="17"/>
      <c r="G7" s="50"/>
      <c r="H7" s="51"/>
      <c r="I7" s="51"/>
      <c r="J7" s="51"/>
      <c r="K7" s="52"/>
      <c r="L7" s="53"/>
      <c r="M7" s="52">
        <f>K7*L7</f>
        <v>0</v>
      </c>
      <c r="N7" s="52">
        <f>K7+M7</f>
        <v>0</v>
      </c>
      <c r="O7" s="52">
        <f>K7*E7</f>
        <v>0</v>
      </c>
      <c r="P7" s="54">
        <f>N7*E7</f>
        <v>0</v>
      </c>
    </row>
    <row r="8" spans="1:16" s="9" customFormat="1" ht="30" customHeight="1" x14ac:dyDescent="0.25">
      <c r="A8" s="14" t="s">
        <v>27</v>
      </c>
      <c r="B8" s="43" t="s">
        <v>32</v>
      </c>
      <c r="C8" s="44"/>
      <c r="D8" s="33" t="s">
        <v>8</v>
      </c>
      <c r="E8" s="36">
        <v>12854</v>
      </c>
      <c r="F8" s="17"/>
      <c r="G8" s="50"/>
      <c r="H8" s="51"/>
      <c r="I8" s="51"/>
      <c r="J8" s="51"/>
      <c r="K8" s="52"/>
      <c r="L8" s="53"/>
      <c r="M8" s="52">
        <f t="shared" ref="M8:M11" si="0">K8*L8</f>
        <v>0</v>
      </c>
      <c r="N8" s="52">
        <f t="shared" ref="N8:N11" si="1">K8+M8</f>
        <v>0</v>
      </c>
      <c r="O8" s="52">
        <f t="shared" ref="O8:O11" si="2">K8*E8</f>
        <v>0</v>
      </c>
      <c r="P8" s="54">
        <f t="shared" ref="P8:P11" si="3">N8*E8</f>
        <v>0</v>
      </c>
    </row>
    <row r="9" spans="1:16" s="9" customFormat="1" ht="30" customHeight="1" x14ac:dyDescent="0.25">
      <c r="A9" s="14" t="s">
        <v>28</v>
      </c>
      <c r="B9" s="43" t="s">
        <v>33</v>
      </c>
      <c r="C9" s="44"/>
      <c r="D9" s="33" t="s">
        <v>8</v>
      </c>
      <c r="E9" s="36">
        <v>9867</v>
      </c>
      <c r="F9" s="17"/>
      <c r="G9" s="50"/>
      <c r="H9" s="51"/>
      <c r="I9" s="51"/>
      <c r="J9" s="51"/>
      <c r="K9" s="52"/>
      <c r="L9" s="53"/>
      <c r="M9" s="52">
        <f t="shared" si="0"/>
        <v>0</v>
      </c>
      <c r="N9" s="52">
        <f t="shared" si="1"/>
        <v>0</v>
      </c>
      <c r="O9" s="52">
        <f t="shared" si="2"/>
        <v>0</v>
      </c>
      <c r="P9" s="54">
        <f t="shared" si="3"/>
        <v>0</v>
      </c>
    </row>
    <row r="10" spans="1:16" s="9" customFormat="1" ht="30" customHeight="1" x14ac:dyDescent="0.25">
      <c r="A10" s="14" t="s">
        <v>29</v>
      </c>
      <c r="B10" s="43" t="s">
        <v>34</v>
      </c>
      <c r="C10" s="44"/>
      <c r="D10" s="33" t="s">
        <v>8</v>
      </c>
      <c r="E10" s="36">
        <v>11121</v>
      </c>
      <c r="F10" s="17"/>
      <c r="G10" s="50"/>
      <c r="H10" s="51"/>
      <c r="I10" s="51"/>
      <c r="J10" s="51"/>
      <c r="K10" s="52"/>
      <c r="L10" s="53"/>
      <c r="M10" s="52">
        <f t="shared" si="0"/>
        <v>0</v>
      </c>
      <c r="N10" s="52">
        <f t="shared" si="1"/>
        <v>0</v>
      </c>
      <c r="O10" s="52">
        <f t="shared" si="2"/>
        <v>0</v>
      </c>
      <c r="P10" s="54">
        <f t="shared" si="3"/>
        <v>0</v>
      </c>
    </row>
    <row r="11" spans="1:16" s="9" customFormat="1" ht="30" customHeight="1" thickBot="1" x14ac:dyDescent="0.3">
      <c r="A11" s="16" t="s">
        <v>30</v>
      </c>
      <c r="B11" s="45" t="s">
        <v>35</v>
      </c>
      <c r="C11" s="46"/>
      <c r="D11" s="34" t="s">
        <v>8</v>
      </c>
      <c r="E11" s="37">
        <v>9676</v>
      </c>
      <c r="F11" s="17"/>
      <c r="G11" s="55"/>
      <c r="H11" s="56"/>
      <c r="I11" s="56"/>
      <c r="J11" s="56"/>
      <c r="K11" s="57"/>
      <c r="L11" s="58"/>
      <c r="M11" s="65">
        <f t="shared" si="0"/>
        <v>0</v>
      </c>
      <c r="N11" s="65">
        <f t="shared" si="1"/>
        <v>0</v>
      </c>
      <c r="O11" s="52">
        <f t="shared" si="2"/>
        <v>0</v>
      </c>
      <c r="P11" s="54">
        <f t="shared" si="3"/>
        <v>0</v>
      </c>
    </row>
    <row r="12" spans="1:16" ht="30" customHeight="1" thickBot="1" x14ac:dyDescent="0.25">
      <c r="M12" s="66"/>
      <c r="N12" s="67" t="s">
        <v>36</v>
      </c>
      <c r="O12" s="68">
        <f>SUM(O7:O11)</f>
        <v>0</v>
      </c>
      <c r="P12" s="69">
        <f>SUM(P7:P11)</f>
        <v>0</v>
      </c>
    </row>
    <row r="13" spans="1:16" ht="29.25" customHeight="1" x14ac:dyDescent="0.2">
      <c r="E13" s="1"/>
      <c r="F13" s="1"/>
      <c r="G13" s="1"/>
    </row>
    <row r="14" spans="1:16" ht="24.95" customHeight="1" x14ac:dyDescent="0.25">
      <c r="B14" s="11" t="s">
        <v>7</v>
      </c>
      <c r="C14" s="38"/>
      <c r="D14" s="38"/>
      <c r="E14" s="38"/>
      <c r="F14" s="1"/>
      <c r="G14" s="1"/>
      <c r="H14" s="13" t="s">
        <v>3</v>
      </c>
      <c r="I14" s="31"/>
      <c r="J14" s="31"/>
      <c r="K14" s="1"/>
      <c r="L14" s="1"/>
      <c r="M14" s="1"/>
      <c r="N14" s="1"/>
      <c r="O14" s="1"/>
      <c r="P14" s="1"/>
    </row>
    <row r="15" spans="1:16" ht="24.95" customHeight="1" x14ac:dyDescent="0.2">
      <c r="B15" s="11" t="s">
        <v>6</v>
      </c>
      <c r="C15" s="38"/>
      <c r="D15" s="38"/>
      <c r="E15" s="38"/>
      <c r="F15" s="1"/>
      <c r="G15" s="1"/>
      <c r="H15" s="11" t="s">
        <v>2</v>
      </c>
      <c r="I15" s="49"/>
      <c r="J15" s="49"/>
      <c r="K15" s="1"/>
      <c r="L15" s="1"/>
      <c r="P15" s="1"/>
    </row>
    <row r="16" spans="1:16" ht="24.95" customHeight="1" x14ac:dyDescent="0.2">
      <c r="D16" s="1"/>
      <c r="E16" s="1"/>
      <c r="F16" s="1"/>
      <c r="G16" s="1"/>
      <c r="H16" s="11" t="s">
        <v>1</v>
      </c>
      <c r="I16" s="47"/>
      <c r="J16" s="47"/>
      <c r="K16" s="1"/>
      <c r="L16" s="1"/>
      <c r="P16" s="1"/>
    </row>
    <row r="17" spans="2:13" s="12" customFormat="1" ht="20.100000000000001" customHeight="1" x14ac:dyDescent="0.25">
      <c r="B17" s="11" t="s">
        <v>5</v>
      </c>
      <c r="C17" s="38"/>
      <c r="D17" s="38"/>
      <c r="E17" s="38"/>
      <c r="H17" s="10" t="s">
        <v>0</v>
      </c>
    </row>
    <row r="18" spans="2:13" s="12" customFormat="1" ht="20.100000000000001" customHeight="1" x14ac:dyDescent="0.2">
      <c r="B18" s="11" t="s">
        <v>4</v>
      </c>
      <c r="C18" s="38"/>
      <c r="D18" s="38"/>
      <c r="E18" s="38"/>
      <c r="I18" s="1"/>
      <c r="J18" s="9"/>
    </row>
    <row r="19" spans="2:13" x14ac:dyDescent="0.2">
      <c r="H19" s="1"/>
      <c r="I19" s="1"/>
      <c r="J19" s="1"/>
      <c r="K19" s="1"/>
      <c r="L19" s="1"/>
    </row>
    <row r="20" spans="2:13" ht="20.100000000000001" customHeight="1" x14ac:dyDescent="0.2">
      <c r="H20" s="1"/>
      <c r="I20" s="1"/>
      <c r="J20" s="1"/>
      <c r="K20" s="1"/>
      <c r="L20" s="1"/>
    </row>
    <row r="21" spans="2:13" ht="20.100000000000001" customHeight="1" x14ac:dyDescent="0.2">
      <c r="E21" s="1"/>
      <c r="F21" s="1"/>
      <c r="G21" s="1"/>
      <c r="J21" s="1"/>
      <c r="K21" s="1"/>
      <c r="L21" s="1"/>
    </row>
    <row r="22" spans="2:13" x14ac:dyDescent="0.2">
      <c r="E22" s="1"/>
      <c r="F22" s="1"/>
      <c r="G22" s="1"/>
      <c r="J22" s="1"/>
      <c r="K22" s="1"/>
      <c r="L22" s="1"/>
    </row>
    <row r="23" spans="2:13" x14ac:dyDescent="0.2">
      <c r="E23" s="1"/>
      <c r="F23" s="1"/>
      <c r="G23" s="1"/>
      <c r="J23" s="1"/>
      <c r="K23" s="1"/>
      <c r="L23" s="1"/>
      <c r="M23" s="1"/>
    </row>
    <row r="24" spans="2:13" x14ac:dyDescent="0.2">
      <c r="J24" s="1"/>
    </row>
    <row r="25" spans="2:13" x14ac:dyDescent="0.2">
      <c r="J25" s="1"/>
    </row>
    <row r="26" spans="2:13" x14ac:dyDescent="0.2">
      <c r="G26" s="8"/>
      <c r="H26" s="8"/>
    </row>
    <row r="27" spans="2:13" x14ac:dyDescent="0.2">
      <c r="G27" s="7"/>
      <c r="H27" s="7"/>
    </row>
    <row r="28" spans="2:13" x14ac:dyDescent="0.2">
      <c r="G28" s="7"/>
      <c r="H28" s="7"/>
    </row>
    <row r="29" spans="2:13" x14ac:dyDescent="0.2">
      <c r="G29" s="7"/>
      <c r="H29" s="7"/>
    </row>
    <row r="30" spans="2:13" x14ac:dyDescent="0.2">
      <c r="G30" s="7"/>
      <c r="H30" s="7"/>
    </row>
  </sheetData>
  <mergeCells count="13">
    <mergeCell ref="I16:J16"/>
    <mergeCell ref="A1:P1"/>
    <mergeCell ref="C14:E14"/>
    <mergeCell ref="C15:E15"/>
    <mergeCell ref="C17:E17"/>
    <mergeCell ref="I15:J15"/>
    <mergeCell ref="C18:E18"/>
    <mergeCell ref="B6:C6"/>
    <mergeCell ref="B7:C7"/>
    <mergeCell ref="B8:C8"/>
    <mergeCell ref="B9:C9"/>
    <mergeCell ref="B10:C10"/>
    <mergeCell ref="B11:C11"/>
  </mergeCells>
  <conditionalFormatting sqref="I15:J15">
    <cfRule type="containsBlanks" dxfId="6" priority="9">
      <formula>LEN(TRIM(I15))=0</formula>
    </cfRule>
  </conditionalFormatting>
  <conditionalFormatting sqref="I16:J16">
    <cfRule type="containsBlanks" dxfId="5" priority="8">
      <formula>LEN(TRIM(I16))=0</formula>
    </cfRule>
  </conditionalFormatting>
  <conditionalFormatting sqref="G7:J11 L7:L11">
    <cfRule type="containsBlanks" dxfId="4" priority="5">
      <formula>LEN(TRIM(G7))=0</formula>
    </cfRule>
  </conditionalFormatting>
  <conditionalFormatting sqref="K7:K11">
    <cfRule type="containsBlanks" dxfId="3" priority="3">
      <formula>LEN(TRIM(K7))=0</formula>
    </cfRule>
  </conditionalFormatting>
  <conditionalFormatting sqref="M7:P11">
    <cfRule type="containsBlanks" dxfId="2" priority="4">
      <formula>LEN(TRIM(M7))=0</formula>
    </cfRule>
  </conditionalFormatting>
  <conditionalFormatting sqref="C14:E15">
    <cfRule type="containsBlanks" dxfId="1" priority="2">
      <formula>LEN(TRIM(C14))=0</formula>
    </cfRule>
  </conditionalFormatting>
  <conditionalFormatting sqref="C17:E18">
    <cfRule type="containsBlanks" dxfId="0" priority="1">
      <formula>LEN(TRIM(C17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ovalíková Lenka</cp:lastModifiedBy>
  <dcterms:created xsi:type="dcterms:W3CDTF">2021-02-11T08:34:45Z</dcterms:created>
  <dcterms:modified xsi:type="dcterms:W3CDTF">2021-06-30T11:09:42Z</dcterms:modified>
</cp:coreProperties>
</file>